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6" rupBuild="20373"/>
  <workbookPr/>
  <mc:AlternateContent xmlns:mc="http://schemas.openxmlformats.org/markup-compatibility/2006">
    <mc:Choice Requires="x15">
      <x15ac:absPath xmlns:x15ac="http://schemas.microsoft.com/office/spreadsheetml/2010/11/ac" url="\\s24\users$\hyttisan\Documents\"/>
    </mc:Choice>
  </mc:AlternateContent>
  <xr:revisionPtr revIDLastSave="0" documentId="8_{964FD567-FAB0-4987-88A3-206EAB05E03B}" xr6:coauthVersionLast="36" xr6:coauthVersionMax="36" xr10:uidLastSave="{00000000-0000-0000-0000-000000000000}"/>
  <bookViews>
    <workbookView xWindow="0" yWindow="0" windowWidth="23040" windowHeight="8772" xr2:uid="{00000000-000D-0000-FFFF-FFFF00000000}"/>
  </bookViews>
  <sheets>
    <sheet name="Tabell 1" sheetId="1" r:id="rId1"/>
  </sheet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83" uniqueCount="83">
  <si>
    <t>DATASYSTEMETS NAMN</t>
  </si>
  <si>
    <t>INFORMATIONENS ANVÄNDNINGSSYFTE</t>
  </si>
  <si>
    <t>CENTRALT INFORMATIONSINNEHÅLL</t>
  </si>
  <si>
    <t>E-tjänsten för apotekens ekonomiska uppgifter</t>
  </si>
  <si>
    <t>Årlig insamling av apotekens ekonomiska uppgifter från apotekarna</t>
  </si>
  <si>
    <t xml:space="preserve">Apotekens ekonomiska uppgifter som inlämnats av apotekarna
</t>
  </si>
  <si>
    <t>Apoteksregister</t>
  </si>
  <si>
    <t>Apoteksregister (inkl. Sjukhusapotek), register över läkemedelsdistributionsställen och aktörer</t>
  </si>
  <si>
    <t xml:space="preserve">Apotekets namn och adress
Apotekarens namn, födelsedatum, personbeteckning, e-postadress, FO-nummer
</t>
  </si>
  <si>
    <t>Cloudia</t>
  </si>
  <si>
    <t>Konkurrensutsättningssystemet</t>
  </si>
  <si>
    <t>Avtal</t>
  </si>
  <si>
    <t>Diarium</t>
  </si>
  <si>
    <t>Förvaltningsdiarium</t>
  </si>
  <si>
    <t>Registrerade ärenden och handlingar fram till 2015
Uppgifter om allmänna ärenden, ekonomiärenden, personalärenden samt koncessioner och aktörers anmälningar
Avsändarens namn, handläggarens namn</t>
  </si>
  <si>
    <t>DORIS</t>
  </si>
  <si>
    <t>Lagring av dokument som skapats inom olika uppgifter som ska lagras för en bestämd tid eller permanent</t>
  </si>
  <si>
    <t>Bland annat material i anslutning till ansökningar om försäljningstillstånd för läkemedelspreparat
Verksamhets- och arbetsinstruktioner
Projekthanteringsdokument
Ledningsgruppens protokoll
Handlingar som gäller internt arbete inom enheterna och teamen</t>
  </si>
  <si>
    <t>Specialtillståndsregister</t>
  </si>
  <si>
    <t>System för behandling av patientspecifika specialtillstånd, för överlåtelse till förbrukning av läkemedelspreparat som kräver specialtillstånd</t>
  </si>
  <si>
    <t>Ansökningar och beslut om specialtillstånd för läkemedel inklusive uppgifter om det läkemedelspreparat som ansökts/beviljats.
Personuppgifter: personens namn, personbeteckning, kön, sjukdom och användarspecifika sjukvårdsrelaterade motiveringar för behovet av läkemedelspreparatet, läkemedlets användningssyfte (indikationer) och dosering
Uppgifter om läkemedelspreparatet: handelsnamn, styrka, läkemedelsform, aktiv substans, förpackningsstorlek, mängd, tillverkare, importör, innehavare av försäljningstillstånd och läkemedelspartiaffär
Obs! Är inte ett register över preparat med specialtillstånd.</t>
  </si>
  <si>
    <t>EURS</t>
  </si>
  <si>
    <t>Hantering av material för ansökan om försäljningstillstånd för läkemedelspreparat som inkommit för behandling</t>
  </si>
  <si>
    <t xml:space="preserve">Uppgifter i ansökningar om försäljningstillstånd för läkemedelspreparat
Namn på och kontaktuppgifter till arbetet för den som undertecknat ansökan </t>
  </si>
  <si>
    <t>Geeni</t>
  </si>
  <si>
    <t xml:space="preserve">Tillsynsregistret för genteknik
</t>
  </si>
  <si>
    <t>Samregister/ärendehanteringssystem för Gentekniknämnden, Fimea, Livsmedelsverket och Finlands Miljöcentral (SYKE).
Genteknikens tillstånd och ansökningar, tillsynshandlingar, nämndens protokoll, promemorior, begäran om utlåtande, brev.
Efternamn, förnamn, födelsedatum samt kontaktuppgifter till arbetet: adress, telefon, e-post för ansvarspersoner och deras ställföreträdare som ansvarar för anmälningar och ansökningar.</t>
  </si>
  <si>
    <t>Register över biverkningar (hum och vet)</t>
  </si>
  <si>
    <t>Registrering och upprätthållande av biverkningsuppgifter om läkemedelspreparat</t>
  </si>
  <si>
    <t xml:space="preserve">Patientens personuppgifter (personbeteckning)
Uppgifter om patientens medicinering
Uppgifter om biverkningar
Anmälarens namn och kontaktuppgifter
Uppgifter om djuret
Uppgifter om medicineringen
Uppgifter om biverkningar
Anmälarens namn och kontaktuppgifter
</t>
  </si>
  <si>
    <t>HANDI</t>
  </si>
  <si>
    <t>System för behandling av upphandlingar/beställningar och fakturor från och med 1.10.2018.</t>
  </si>
  <si>
    <t>Dokumentation av upphandlingar och fakturor
Fakturerarens kontaktperson</t>
  </si>
  <si>
    <t>KLIK</t>
  </si>
  <si>
    <t>System för hantering av kliniska läkemedelsstudier</t>
  </si>
  <si>
    <t>Uppgifter om registrering och uppföljning av pågående och avslutade kliniska läkemedelsstudier.</t>
  </si>
  <si>
    <t>Vävnadsinrättningsregister</t>
  </si>
  <si>
    <t>Tillsyn över vävnadsinrättningar och hantering av ansökningar om koncessioner</t>
  </si>
  <si>
    <t xml:space="preserve">Vävnadsinrättningens namn och adress
Namn på och kontaktuppgifter för det anmälda organets ansvariga person 
</t>
  </si>
  <si>
    <t>KURRE</t>
  </si>
  <si>
    <t xml:space="preserve"> Behandling av sammanställningsuppgifter för databaser om läkemedelsförbrukning</t>
  </si>
  <si>
    <t>Datalager för uppgifter om läkemedelsförbrukning, uppgifter som samlats in från apotek</t>
  </si>
  <si>
    <t>Produktregister</t>
  </si>
  <si>
    <t>Tillsyn över medicintekniska produkter och utrustning</t>
  </si>
  <si>
    <t>Uppgifter om anmälaren; kontaktpersonens namn, telefonnummer, e-postadress, organisation, organisationens adress.</t>
  </si>
  <si>
    <t>Lääke75+</t>
  </si>
  <si>
    <t>Rekommendationer för läkemedelsbehandling av äldre</t>
  </si>
  <si>
    <t>Rekommenderade läkemedelspreparat för läkemedelsbehandling av äldre</t>
  </si>
  <si>
    <t>Läkemedelsbarometern</t>
  </si>
  <si>
    <t>Register som innehåller uppgifterna i Läkemedelsbarometern</t>
  </si>
  <si>
    <t>Uppgifter om svar på regelbundna enkäter riktade till läkemedelskonsumenter, uppgifterna anonymiserade</t>
  </si>
  <si>
    <t>Läkemedelssöktjänst</t>
  </si>
  <si>
    <t>Sökmotor för läkemedelsuppgifter med försäljningstillstånd</t>
  </si>
  <si>
    <t>Bipacksedeldokument och produktresuméer av läkemedelspreparat som säljs på den finska marknaden</t>
  </si>
  <si>
    <t>Läkemedelssöktjänst (Fimeaweb)</t>
  </si>
  <si>
    <t>Läkemedelspreparat med försäljningstillstånd och specialtillstånd kan bläddras/sökas på nätet.</t>
  </si>
  <si>
    <t>Läkemedelspreparat, deras former, bipacksedeldokument och märkningar</t>
  </si>
  <si>
    <t>Register över läkemedelspartiaffärer</t>
  </si>
  <si>
    <t>FO-nummer
tillståndshavarens adress
verksamhetsställenas adresser
Ansvarspersonens namn, telefonnummer och e-postadress</t>
  </si>
  <si>
    <t>NDS (National Drug Control System)</t>
  </si>
  <si>
    <t>Import och hantering av exporttillstånd för narkotika och psykotropa ämnen</t>
  </si>
  <si>
    <t>Behandling av import- och exporttillstånd för narkotika och uppgifter om underhåll av landsspecifika kvoter
De sökande organisationernas kontaktuppgifter</t>
  </si>
  <si>
    <t>REKO</t>
  </si>
  <si>
    <t>Laboratoriets kemikalieregister</t>
  </si>
  <si>
    <t xml:space="preserve">Kemikaliens namn, eventuella synonymer, CAS-kod, ankomstdatum, utgångsdatum. För ämnen som ska övervakas noggrannare även lagersaldo.
</t>
  </si>
  <si>
    <t>SAGA</t>
  </si>
  <si>
    <t>Registrering och uppgifter om behandling av försäljningstillstånd för läkemedelspreparat</t>
  </si>
  <si>
    <t>Namnet på den organisation som ansöker om försäljningstillstånd, även uppgifter om kontaktpersonen för innehavaren av försäljningstillstånd, läkemedelspreparatets namn, registernummer, försäljningstillståndsnummer, processnummer, uppgifter om behandlingsfasen, uppgifter om handläggaren</t>
  </si>
  <si>
    <t>Sjukhusapotek och läkemedelscentraler</t>
  </si>
  <si>
    <t>Register över sjukhusapotek och läkemedelscentraler</t>
  </si>
  <si>
    <t>Sjukhusapotekets och läkemedelscentralens namn, besöks- och postadress.
Kontaktuppgifter till sjukhusapotekens och läkemedelscentralernas skötare och deras vikarier (namn, e-post och telefonnummer till arbetet, eventuellt även telefonnummer för nödfall).
Kontaktuppgifter för sjukhusapotekens upphandlingsprovisor under covid19-epidemin (namn och e-post till arbetet)</t>
  </si>
  <si>
    <t>TLT</t>
  </si>
  <si>
    <t>Register över produkter och utrustning för hälso- och sjukvård</t>
  </si>
  <si>
    <t>Uppgifter om registrering och tillsyn av produkter och utrustning för hälso- och sjukvård</t>
  </si>
  <si>
    <t>TLT Riskhändelse</t>
  </si>
  <si>
    <t>Register över rapporter om riskhändelser</t>
  </si>
  <si>
    <t>Information om produkter och programvara som orsakar riskhändelser från olika tidsperioder, relaterad e-postkorrespondens</t>
  </si>
  <si>
    <t>Aktörernas inspektionsberättelser</t>
  </si>
  <si>
    <t>Lagring av inspektionsberättelser från aktörernas inspektionsbesök</t>
  </si>
  <si>
    <t>Inspektionsberättelser och lista över brister</t>
  </si>
  <si>
    <t>VirastoVAHVA</t>
  </si>
  <si>
    <t>Ärendehanteringsregister</t>
  </si>
  <si>
    <t>Registreringsuppgifter och handlingar för anhängiga ärenden
Ärenden som gäller tillstånd för läkemedelsfabriker
Ärenden som gäller tillstånd för läkemedelspartiaffärer
Ärenden som gäller verksamheten vid vävnads- och blodtjänstinrättningar
Ärenden som gäller narkotikatillstånd
Ärenden som gäller forskningsprogram för pediatriska läkemedel
Ärenden som gäller vetenskaplig rådgivning och läkemedelsrådgivning (nationell)
Ärenden som gäller vetenskaplig rådgivning (EMA)
Ärenden som gäller dispens
Ärenden som gäller tidsbestämda HUM- och VET-specialtillstånd
Ärenden som gäller organ-, vävnads- och celltransplantationer
Ärenden som gäller forskningstillstånd för organ, vävnader och celler
Ärenden som gäller beslut om försäljningstillstånd
Ärenden som gäller parallellimport
Ärenden som gäller tillstånd för kliniska prövningar av produkter
Ärenden som gäller tillstånd för medicintekniska produkter
Ärenden som gäller tillstånd för embryoforskning
Ärenden som gäller biobankstillstånd
Ärenden som gäller tillstånd för klinisk läkemedelsprövning
Insamlingen av personuppgifter i anslutning till anhängiggjorda ärenden har definierats separat för varje ärende: 
personernas namn, kontaktuppgifter, personbeteckning eller födelsedatum</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5" x14ac:knownFonts="1">
    <font>
      <sz val="11"/>
      <color theme="1"/>
      <name val="Calibri"/>
      <family val="2"/>
      <scheme val="minor"/>
    </font>
    <font>
      <sz val="10"/>
      <name val="Arial"/>
      <family val="2"/>
    </font>
    <font>
      <sz val="14"/>
      <color theme="1"/>
      <name val="Arial"/>
      <family val="2"/>
    </font>
    <font>
      <sz val="11"/>
      <name val="Arial"/>
      <family val="2"/>
    </font>
    <font>
      <sz val="11"/>
      <color theme="1"/>
      <name val="Arial"/>
      <family val="2"/>
    </font>
  </fonts>
  <fills count="3">
    <fill>
      <patternFill patternType="none"/>
    </fill>
    <fill>
      <patternFill patternType="gray125"/>
    </fill>
    <fill>
      <patternFill patternType="solid">
        <fgColor rgb="FFFFFF00"/>
        <bgColor indexed="64"/>
      </patternFill>
    </fill>
  </fills>
  <borders count="3">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s>
  <cellStyleXfs count="2">
    <xf numFmtId="0" fontId="0" fillId="0" borderId="0"/>
    <xf numFmtId="0" fontId="1" fillId="0" borderId="0"/>
  </cellStyleXfs>
  <cellXfs count="19">
    <xf numFmtId="0" fontId="0" fillId="0" borderId="0" xfId="0"/>
    <xf numFmtId="49" fontId="3" fillId="0" borderId="1" xfId="1" applyNumberFormat="1" applyFont="1" applyFill="1" applyBorder="1" applyAlignment="1">
      <alignment horizontal="left" vertical="top" wrapText="1"/>
    </xf>
    <xf numFmtId="0" fontId="3" fillId="0" borderId="2" xfId="1" applyFont="1" applyFill="1" applyBorder="1" applyAlignment="1">
      <alignment horizontal="left" vertical="top" wrapText="1"/>
    </xf>
    <xf numFmtId="49" fontId="3" fillId="0" borderId="2" xfId="1" applyNumberFormat="1" applyFont="1" applyFill="1" applyBorder="1" applyAlignment="1">
      <alignment horizontal="left" vertical="top" wrapText="1"/>
    </xf>
    <xf numFmtId="0" fontId="2" fillId="0" borderId="0" xfId="0" applyFont="1"/>
    <xf numFmtId="0" fontId="0" fillId="2" borderId="0" xfId="0" applyFill="1"/>
    <xf numFmtId="0" fontId="0" fillId="0" borderId="0" xfId="0" applyFill="1"/>
    <xf numFmtId="0" fontId="2" fillId="0" borderId="2" xfId="0" applyFont="1" applyBorder="1" applyAlignment="1">
      <alignment vertical="top" wrapText="1"/>
    </xf>
    <xf numFmtId="0" fontId="4" fillId="0" borderId="0" xfId="0" applyFont="1" applyFill="1" applyAlignment="1">
      <alignment vertical="top" wrapText="1"/>
    </xf>
    <xf numFmtId="0" fontId="0" fillId="0" borderId="0" xfId="0" applyFill="1" applyAlignment="1">
      <alignment vertical="top" wrapText="1"/>
    </xf>
    <xf numFmtId="0" fontId="0" fillId="0" borderId="0" xfId="0" applyAlignment="1">
      <alignment vertical="top" wrapText="1"/>
    </xf>
    <xf numFmtId="0" fontId="2" fillId="0" borderId="2" xfId="0" applyFont="1" applyBorder="1" applyAlignment="1">
      <alignment horizontal="left" vertical="top" wrapText="1"/>
    </xf>
    <xf numFmtId="0" fontId="4" fillId="0" borderId="0" xfId="0" applyFont="1" applyFill="1" applyAlignment="1">
      <alignment horizontal="left" vertical="top" wrapText="1"/>
    </xf>
    <xf numFmtId="0" fontId="0" fillId="0" borderId="0" xfId="0" applyFill="1" applyAlignment="1">
      <alignment horizontal="left" vertical="top" wrapText="1"/>
    </xf>
    <xf numFmtId="0" fontId="0" fillId="0" borderId="0" xfId="0" applyAlignment="1">
      <alignment horizontal="left" vertical="top" wrapText="1"/>
    </xf>
    <xf numFmtId="49" fontId="3" fillId="0" borderId="1" xfId="1" applyNumberFormat="1" applyFont="1" applyFill="1" applyBorder="1" applyAlignment="1">
      <alignment vertical="top" wrapText="1"/>
    </xf>
    <xf numFmtId="0" fontId="2" fillId="0" borderId="0" xfId="0" applyFont="1" applyAlignment="1">
      <alignment wrapText="1"/>
    </xf>
    <xf numFmtId="0" fontId="0" fillId="0" borderId="0" xfId="0" applyAlignment="1">
      <alignment wrapText="1"/>
    </xf>
    <xf numFmtId="0" fontId="0" fillId="0" borderId="0" xfId="0" applyFill="1" applyAlignment="1">
      <alignment wrapText="1"/>
    </xf>
  </cellXfs>
  <cellStyles count="2">
    <cellStyle name="Normaali" xfId="0" builtinId="0"/>
    <cellStyle name="Normal 2" xfId="1" xr:uid="{00000000-0005-0000-0000-000001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7" Type="http://schemas.openxmlformats.org/officeDocument/2006/relationships/customXml" Target="../customXml/item3.xml"/><Relationship Id="rId2" Type="http://schemas.openxmlformats.org/officeDocument/2006/relationships/theme" Target="theme/theme1.xml"/><Relationship Id="rId1" Type="http://schemas.openxmlformats.org/officeDocument/2006/relationships/worksheet" Target="worksheets/sheet1.xml"/><Relationship Id="rId6" Type="http://schemas.openxmlformats.org/officeDocument/2006/relationships/customXml" Target="../customXml/item2.xml"/><Relationship Id="rId5" Type="http://schemas.openxmlformats.org/officeDocument/2006/relationships/customXml" Target="../customXml/item1.xml"/><Relationship Id="rId4" Type="http://schemas.openxmlformats.org/officeDocument/2006/relationships/sharedStrings" Target="sharedStrings.xml"/></Relationships>
</file>

<file path=xl/theme/theme1.xml><?xml version="1.0" encoding="utf-8"?>
<a:theme xmlns:a="http://schemas.openxmlformats.org/drawingml/2006/main" name="Office-teema">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CX46"/>
  <sheetViews>
    <sheetView tabSelected="1" topLeftCell="A28" workbookViewId="0">
      <selection activeCell="C28" sqref="C28"/>
    </sheetView>
  </sheetViews>
  <sheetFormatPr defaultRowHeight="14.4" x14ac:dyDescent="0.3"/>
  <cols>
    <col min="1" max="1" width="45.109375" style="10" customWidth="1"/>
    <col min="2" max="2" width="49.44140625" style="14" customWidth="1"/>
    <col min="3" max="3" width="50" style="14" customWidth="1"/>
    <col min="4" max="4" width="18.109375" style="17" customWidth="1"/>
  </cols>
  <sheetData>
    <row r="1" spans="1:102" s="4" customFormat="1" ht="35.4" customHeight="1" x14ac:dyDescent="0.3">
      <c r="A1" s="7" t="s">
        <v>0</v>
      </c>
      <c r="B1" s="11" t="s">
        <v>1</v>
      </c>
      <c r="C1" s="11" t="s">
        <v>2</v>
      </c>
      <c r="D1" s="16"/>
    </row>
    <row r="2" spans="1:102" ht="33.6" customHeight="1" x14ac:dyDescent="0.3">
      <c r="A2" s="1" t="s">
        <v>3</v>
      </c>
      <c r="B2" s="2" t="s">
        <v>4</v>
      </c>
      <c r="C2" s="2" t="s">
        <v>5</v>
      </c>
    </row>
    <row r="3" spans="1:102" s="5" customFormat="1" ht="49.8" customHeight="1" x14ac:dyDescent="0.3">
      <c r="A3" s="1" t="s">
        <v>6</v>
      </c>
      <c r="B3" s="2" t="s">
        <v>7</v>
      </c>
      <c r="C3" s="2" t="s">
        <v>8</v>
      </c>
      <c r="D3" s="18"/>
      <c r="E3" s="6"/>
      <c r="F3" s="6"/>
      <c r="G3" s="6"/>
      <c r="H3" s="6"/>
      <c r="I3" s="6"/>
      <c r="J3" s="6"/>
      <c r="K3" s="6"/>
      <c r="L3" s="6"/>
      <c r="M3" s="6"/>
      <c r="N3" s="6"/>
      <c r="O3" s="6"/>
      <c r="P3" s="6"/>
      <c r="Q3" s="6"/>
      <c r="R3" s="6"/>
      <c r="S3" s="6"/>
      <c r="T3" s="6"/>
      <c r="U3" s="6"/>
      <c r="V3" s="6"/>
      <c r="W3" s="6"/>
      <c r="X3" s="6"/>
      <c r="Y3" s="6"/>
      <c r="Z3" s="6"/>
    </row>
    <row r="4" spans="1:102" s="6" customFormat="1" ht="25.2" customHeight="1" x14ac:dyDescent="0.3">
      <c r="A4" s="1" t="s">
        <v>9</v>
      </c>
      <c r="B4" s="2" t="s">
        <v>10</v>
      </c>
      <c r="C4" s="2" t="s">
        <v>11</v>
      </c>
      <c r="D4" s="18"/>
    </row>
    <row r="5" spans="1:102" s="5" customFormat="1" ht="61.2" customHeight="1" x14ac:dyDescent="0.3">
      <c r="A5" s="1" t="s">
        <v>12</v>
      </c>
      <c r="B5" s="2" t="s">
        <v>13</v>
      </c>
      <c r="C5" s="2" t="s">
        <v>14</v>
      </c>
      <c r="D5" s="18"/>
      <c r="E5" s="6"/>
      <c r="F5" s="6"/>
      <c r="G5" s="6"/>
      <c r="H5" s="6"/>
      <c r="I5" s="6"/>
      <c r="J5" s="6"/>
      <c r="K5" s="6"/>
      <c r="L5" s="6"/>
      <c r="M5" s="6"/>
      <c r="N5" s="6"/>
      <c r="O5" s="6"/>
      <c r="P5" s="6"/>
      <c r="Q5" s="6"/>
      <c r="R5" s="6"/>
      <c r="S5" s="6"/>
      <c r="T5" s="6"/>
    </row>
    <row r="6" spans="1:102" s="5" customFormat="1" ht="105.6" customHeight="1" x14ac:dyDescent="0.3">
      <c r="A6" s="15" t="s">
        <v>15</v>
      </c>
      <c r="B6" s="2" t="s">
        <v>16</v>
      </c>
      <c r="C6" s="2" t="s">
        <v>17</v>
      </c>
      <c r="D6" s="18"/>
      <c r="E6" s="6"/>
      <c r="F6" s="6"/>
      <c r="G6" s="6"/>
      <c r="H6" s="6"/>
      <c r="I6" s="6"/>
      <c r="J6" s="6"/>
      <c r="K6" s="6"/>
      <c r="L6" s="6"/>
      <c r="M6" s="6"/>
      <c r="N6" s="6"/>
      <c r="O6" s="6"/>
      <c r="P6" s="6"/>
      <c r="Q6" s="6"/>
      <c r="R6" s="6"/>
      <c r="S6" s="6"/>
      <c r="T6" s="6"/>
    </row>
    <row r="7" spans="1:102" s="5" customFormat="1" ht="248.4" x14ac:dyDescent="0.3">
      <c r="A7" s="1" t="s">
        <v>18</v>
      </c>
      <c r="B7" s="2" t="s">
        <v>19</v>
      </c>
      <c r="C7" s="2" t="s">
        <v>20</v>
      </c>
      <c r="D7" s="18"/>
      <c r="E7" s="6"/>
      <c r="F7" s="6"/>
      <c r="G7" s="6"/>
      <c r="H7" s="6"/>
      <c r="I7" s="6"/>
      <c r="J7" s="6"/>
      <c r="K7" s="6"/>
      <c r="L7" s="6"/>
      <c r="M7" s="6"/>
      <c r="N7" s="6"/>
      <c r="O7" s="6"/>
      <c r="P7" s="6"/>
      <c r="Q7" s="6"/>
      <c r="R7" s="6"/>
      <c r="S7" s="6"/>
      <c r="T7" s="6"/>
      <c r="U7" s="6"/>
      <c r="V7" s="6"/>
      <c r="W7" s="6"/>
      <c r="X7" s="6"/>
      <c r="Y7" s="6"/>
      <c r="Z7" s="6"/>
      <c r="AA7" s="6"/>
      <c r="AB7" s="6"/>
      <c r="AC7" s="6"/>
      <c r="AD7" s="6"/>
      <c r="AE7" s="6"/>
      <c r="AF7" s="6"/>
      <c r="AG7" s="6"/>
      <c r="AH7" s="6"/>
      <c r="AI7" s="6"/>
      <c r="AJ7" s="6"/>
      <c r="AK7" s="6"/>
      <c r="AL7" s="6"/>
      <c r="AM7" s="6"/>
      <c r="AN7" s="6"/>
      <c r="AO7" s="6"/>
      <c r="AP7" s="6"/>
      <c r="AQ7" s="6"/>
      <c r="AR7" s="6"/>
      <c r="AS7" s="6"/>
      <c r="AT7" s="6"/>
      <c r="AU7" s="6"/>
      <c r="AV7" s="6"/>
      <c r="AW7" s="6"/>
      <c r="AX7" s="6"/>
      <c r="AY7" s="6"/>
      <c r="AZ7" s="6"/>
      <c r="BA7" s="6"/>
      <c r="BB7" s="6"/>
      <c r="BC7" s="6"/>
      <c r="BD7" s="6"/>
      <c r="BE7" s="6"/>
      <c r="BF7" s="6"/>
      <c r="BG7" s="6"/>
      <c r="BH7" s="6"/>
      <c r="BI7" s="6"/>
      <c r="BJ7" s="6"/>
      <c r="BK7" s="6"/>
      <c r="BL7" s="6"/>
      <c r="BM7" s="6"/>
      <c r="BN7" s="6"/>
      <c r="BO7" s="6"/>
      <c r="BP7" s="6"/>
      <c r="BQ7" s="6"/>
      <c r="BR7" s="6"/>
      <c r="BS7" s="6"/>
      <c r="BT7" s="6"/>
      <c r="BU7" s="6"/>
      <c r="BV7" s="6"/>
      <c r="BW7" s="6"/>
      <c r="BX7" s="6"/>
      <c r="BY7" s="6"/>
      <c r="BZ7" s="6"/>
      <c r="CA7" s="6"/>
      <c r="CB7" s="6"/>
      <c r="CC7" s="6"/>
      <c r="CD7" s="6"/>
      <c r="CE7" s="6"/>
      <c r="CF7" s="6"/>
      <c r="CG7" s="6"/>
      <c r="CH7" s="6"/>
      <c r="CI7" s="6"/>
      <c r="CJ7" s="6"/>
      <c r="CK7" s="6"/>
      <c r="CL7" s="6"/>
      <c r="CM7" s="6"/>
      <c r="CN7" s="6"/>
      <c r="CO7" s="6"/>
      <c r="CP7" s="6"/>
      <c r="CQ7" s="6"/>
      <c r="CR7" s="6"/>
      <c r="CS7" s="6"/>
      <c r="CT7" s="6"/>
      <c r="CU7" s="6"/>
      <c r="CV7" s="6"/>
      <c r="CW7" s="6"/>
      <c r="CX7" s="6"/>
    </row>
    <row r="8" spans="1:102" ht="46.2" customHeight="1" x14ac:dyDescent="0.3">
      <c r="A8" s="1" t="s">
        <v>21</v>
      </c>
      <c r="B8" s="2" t="s">
        <v>22</v>
      </c>
      <c r="C8" s="2" t="s">
        <v>23</v>
      </c>
    </row>
    <row r="9" spans="1:102" ht="115.8" customHeight="1" x14ac:dyDescent="0.3">
      <c r="A9" s="1" t="s">
        <v>24</v>
      </c>
      <c r="B9" s="2" t="s">
        <v>25</v>
      </c>
      <c r="C9" s="2" t="s">
        <v>26</v>
      </c>
    </row>
    <row r="10" spans="1:102" ht="132" customHeight="1" x14ac:dyDescent="0.3">
      <c r="A10" s="15" t="s">
        <v>27</v>
      </c>
      <c r="B10" s="2" t="s">
        <v>28</v>
      </c>
      <c r="C10" s="2" t="s">
        <v>29</v>
      </c>
    </row>
    <row r="11" spans="1:102" s="5" customFormat="1" ht="33.6" customHeight="1" x14ac:dyDescent="0.3">
      <c r="A11" s="1" t="s">
        <v>30</v>
      </c>
      <c r="B11" s="2" t="s">
        <v>31</v>
      </c>
      <c r="C11" s="2" t="s">
        <v>32</v>
      </c>
      <c r="D11" s="18"/>
      <c r="E11" s="6"/>
      <c r="F11" s="6"/>
      <c r="G11" s="6"/>
      <c r="H11" s="6"/>
      <c r="I11" s="6"/>
      <c r="J11" s="6"/>
      <c r="K11" s="6"/>
      <c r="L11" s="6"/>
      <c r="M11" s="6"/>
      <c r="N11" s="6"/>
      <c r="O11" s="6"/>
      <c r="P11" s="6"/>
      <c r="Q11" s="6"/>
      <c r="R11" s="6"/>
      <c r="S11" s="6"/>
      <c r="T11" s="6"/>
      <c r="U11" s="6"/>
      <c r="V11" s="6"/>
      <c r="W11" s="6"/>
      <c r="X11" s="6"/>
      <c r="Y11" s="6"/>
      <c r="Z11" s="6"/>
      <c r="AA11" s="6"/>
      <c r="AB11" s="6"/>
      <c r="AC11" s="6"/>
    </row>
    <row r="12" spans="1:102" ht="32.4" customHeight="1" x14ac:dyDescent="0.3">
      <c r="A12" s="1" t="s">
        <v>33</v>
      </c>
      <c r="B12" s="2" t="s">
        <v>34</v>
      </c>
      <c r="C12" s="2" t="s">
        <v>35</v>
      </c>
      <c r="D12" s="18"/>
      <c r="E12" s="6"/>
      <c r="F12" s="6"/>
      <c r="G12" s="6"/>
      <c r="H12" s="6"/>
      <c r="I12" s="6"/>
      <c r="J12" s="6"/>
      <c r="K12" s="6"/>
      <c r="L12" s="6"/>
      <c r="M12" s="6"/>
      <c r="N12" s="6"/>
      <c r="O12" s="6"/>
      <c r="P12" s="6"/>
      <c r="Q12" s="6"/>
      <c r="R12" s="6"/>
      <c r="S12" s="6"/>
      <c r="T12" s="6"/>
      <c r="U12" s="6"/>
      <c r="V12" s="6"/>
      <c r="W12" s="6"/>
      <c r="X12" s="6"/>
      <c r="Y12" s="6"/>
      <c r="Z12" s="6"/>
      <c r="AA12" s="6"/>
      <c r="AB12" s="6"/>
      <c r="AC12" s="6"/>
    </row>
    <row r="13" spans="1:102" ht="36.6" customHeight="1" x14ac:dyDescent="0.3">
      <c r="A13" s="1" t="s">
        <v>36</v>
      </c>
      <c r="B13" s="2" t="s">
        <v>37</v>
      </c>
      <c r="C13" s="2" t="s">
        <v>38</v>
      </c>
    </row>
    <row r="14" spans="1:102" ht="37.200000000000003" customHeight="1" x14ac:dyDescent="0.3">
      <c r="A14" s="1" t="s">
        <v>39</v>
      </c>
      <c r="B14" s="2" t="s">
        <v>40</v>
      </c>
      <c r="C14" s="2" t="s">
        <v>41</v>
      </c>
    </row>
    <row r="15" spans="1:102" ht="45" customHeight="1" x14ac:dyDescent="0.3">
      <c r="A15" s="1" t="s">
        <v>42</v>
      </c>
      <c r="B15" s="2" t="s">
        <v>43</v>
      </c>
      <c r="C15" s="2" t="s">
        <v>44</v>
      </c>
    </row>
    <row r="16" spans="1:102" ht="32.4" customHeight="1" x14ac:dyDescent="0.3">
      <c r="A16" s="1" t="s">
        <v>45</v>
      </c>
      <c r="B16" s="2" t="s">
        <v>46</v>
      </c>
      <c r="C16" s="2" t="s">
        <v>47</v>
      </c>
    </row>
    <row r="17" spans="1:50" ht="43.2" customHeight="1" x14ac:dyDescent="0.3">
      <c r="A17" s="1" t="s">
        <v>48</v>
      </c>
      <c r="B17" s="2" t="s">
        <v>49</v>
      </c>
      <c r="C17" s="2" t="s">
        <v>50</v>
      </c>
    </row>
    <row r="18" spans="1:50" ht="36" customHeight="1" x14ac:dyDescent="0.3">
      <c r="A18" s="1" t="s">
        <v>51</v>
      </c>
      <c r="B18" s="2" t="s">
        <v>52</v>
      </c>
      <c r="C18" s="2" t="s">
        <v>53</v>
      </c>
    </row>
    <row r="19" spans="1:50" ht="38.4" customHeight="1" x14ac:dyDescent="0.3">
      <c r="A19" s="1" t="s">
        <v>54</v>
      </c>
      <c r="B19" s="2" t="s">
        <v>55</v>
      </c>
      <c r="C19" s="2" t="s">
        <v>56</v>
      </c>
    </row>
    <row r="20" spans="1:50" s="5" customFormat="1" ht="77.400000000000006" customHeight="1" x14ac:dyDescent="0.3">
      <c r="A20" s="1" t="s">
        <v>57</v>
      </c>
      <c r="B20" s="2"/>
      <c r="C20" s="2" t="s">
        <v>58</v>
      </c>
      <c r="D20" s="18"/>
      <c r="E20" s="6"/>
      <c r="F20" s="6"/>
      <c r="G20" s="6"/>
      <c r="H20" s="6"/>
      <c r="I20" s="6"/>
      <c r="J20" s="6"/>
      <c r="K20" s="6"/>
      <c r="L20" s="6"/>
      <c r="M20" s="6"/>
      <c r="N20" s="6"/>
      <c r="O20" s="6"/>
      <c r="P20" s="6"/>
      <c r="Q20" s="6"/>
      <c r="R20" s="6"/>
      <c r="S20" s="6"/>
      <c r="T20" s="6"/>
      <c r="U20" s="6"/>
      <c r="V20" s="6"/>
      <c r="W20" s="6"/>
      <c r="X20" s="6"/>
      <c r="Y20" s="6"/>
      <c r="Z20" s="6"/>
      <c r="AA20" s="6"/>
      <c r="AB20" s="6"/>
      <c r="AC20" s="6"/>
      <c r="AD20" s="6"/>
      <c r="AE20" s="6"/>
      <c r="AF20" s="6"/>
      <c r="AG20" s="6"/>
      <c r="AH20" s="6"/>
      <c r="AI20" s="6"/>
      <c r="AJ20" s="6"/>
      <c r="AK20" s="6"/>
      <c r="AL20" s="6"/>
      <c r="AM20" s="6"/>
      <c r="AN20" s="6"/>
      <c r="AO20" s="6"/>
      <c r="AP20" s="6"/>
      <c r="AQ20" s="6"/>
      <c r="AR20" s="6"/>
      <c r="AS20" s="6"/>
      <c r="AT20" s="6"/>
      <c r="AU20" s="6"/>
      <c r="AV20" s="6"/>
      <c r="AW20" s="6"/>
      <c r="AX20" s="6"/>
    </row>
    <row r="21" spans="1:50" s="6" customFormat="1" ht="70.2" customHeight="1" x14ac:dyDescent="0.3">
      <c r="A21" s="1" t="s">
        <v>59</v>
      </c>
      <c r="B21" s="2" t="s">
        <v>60</v>
      </c>
      <c r="C21" s="2" t="s">
        <v>61</v>
      </c>
      <c r="D21" s="18"/>
    </row>
    <row r="22" spans="1:50" s="5" customFormat="1" ht="52.8" customHeight="1" x14ac:dyDescent="0.3">
      <c r="A22" s="1" t="s">
        <v>62</v>
      </c>
      <c r="B22" s="2" t="s">
        <v>63</v>
      </c>
      <c r="C22" s="2" t="s">
        <v>64</v>
      </c>
      <c r="D22" s="18"/>
      <c r="E22" s="6"/>
      <c r="F22" s="6"/>
      <c r="G22" s="6"/>
      <c r="H22" s="6"/>
      <c r="I22" s="6"/>
      <c r="J22" s="6"/>
      <c r="K22" s="6"/>
      <c r="L22" s="6"/>
      <c r="M22" s="6"/>
      <c r="N22" s="6"/>
      <c r="O22" s="6"/>
      <c r="P22" s="6"/>
      <c r="Q22" s="6"/>
      <c r="R22" s="6"/>
      <c r="S22" s="6"/>
      <c r="T22" s="6"/>
      <c r="U22" s="6"/>
      <c r="V22" s="6"/>
      <c r="W22" s="6"/>
      <c r="X22" s="6"/>
      <c r="Y22" s="6"/>
      <c r="Z22" s="6"/>
    </row>
    <row r="23" spans="1:50" ht="72.599999999999994" customHeight="1" x14ac:dyDescent="0.3">
      <c r="A23" s="1" t="s">
        <v>65</v>
      </c>
      <c r="B23" s="2" t="s">
        <v>66</v>
      </c>
      <c r="C23" s="2" t="s">
        <v>67</v>
      </c>
      <c r="D23" s="18"/>
      <c r="E23" s="6"/>
      <c r="F23" s="6"/>
      <c r="G23" s="6"/>
      <c r="H23" s="6"/>
      <c r="I23" s="6"/>
      <c r="J23" s="6"/>
      <c r="K23" s="6"/>
      <c r="L23" s="6"/>
      <c r="M23" s="6"/>
      <c r="N23" s="6"/>
      <c r="O23" s="6"/>
      <c r="P23" s="6"/>
      <c r="Q23" s="6"/>
      <c r="R23" s="6"/>
      <c r="S23" s="6"/>
      <c r="T23" s="6"/>
      <c r="U23" s="6"/>
      <c r="V23" s="6"/>
      <c r="W23" s="6"/>
      <c r="X23" s="6"/>
      <c r="Y23" s="6"/>
      <c r="Z23" s="6"/>
    </row>
    <row r="24" spans="1:50" ht="130.80000000000001" customHeight="1" x14ac:dyDescent="0.3">
      <c r="A24" s="1" t="s">
        <v>68</v>
      </c>
      <c r="B24" s="2" t="s">
        <v>69</v>
      </c>
      <c r="C24" s="2" t="s">
        <v>70</v>
      </c>
    </row>
    <row r="25" spans="1:50" ht="48" customHeight="1" x14ac:dyDescent="0.3">
      <c r="A25" s="3" t="s">
        <v>71</v>
      </c>
      <c r="B25" s="2" t="s">
        <v>72</v>
      </c>
      <c r="C25" s="2" t="s">
        <v>73</v>
      </c>
    </row>
    <row r="26" spans="1:50" ht="57" customHeight="1" x14ac:dyDescent="0.3">
      <c r="A26" s="3" t="s">
        <v>74</v>
      </c>
      <c r="B26" s="2" t="s">
        <v>75</v>
      </c>
      <c r="C26" s="2" t="s">
        <v>76</v>
      </c>
    </row>
    <row r="27" spans="1:50" ht="42.6" customHeight="1" x14ac:dyDescent="0.3">
      <c r="A27" s="3" t="s">
        <v>77</v>
      </c>
      <c r="B27" s="2" t="s">
        <v>78</v>
      </c>
      <c r="C27" s="2" t="s">
        <v>79</v>
      </c>
    </row>
    <row r="28" spans="1:50" ht="400.05" customHeight="1" x14ac:dyDescent="0.3">
      <c r="A28" s="3" t="s">
        <v>80</v>
      </c>
      <c r="B28" s="2" t="s">
        <v>81</v>
      </c>
      <c r="C28" s="2" t="s">
        <v>82</v>
      </c>
    </row>
    <row r="29" spans="1:50" x14ac:dyDescent="0.3">
      <c r="A29" s="8"/>
      <c r="B29" s="12"/>
      <c r="C29" s="12"/>
    </row>
    <row r="30" spans="1:50" x14ac:dyDescent="0.3">
      <c r="A30" s="8"/>
      <c r="B30" s="12"/>
      <c r="C30" s="12"/>
    </row>
    <row r="31" spans="1:50" x14ac:dyDescent="0.3">
      <c r="A31" s="8"/>
      <c r="B31" s="12"/>
      <c r="C31" s="12"/>
    </row>
    <row r="32" spans="1:50" x14ac:dyDescent="0.3">
      <c r="A32" s="9"/>
      <c r="B32" s="13"/>
      <c r="C32" s="13"/>
    </row>
    <row r="33" spans="1:3" x14ac:dyDescent="0.3">
      <c r="A33" s="9"/>
      <c r="B33" s="13"/>
      <c r="C33" s="13"/>
    </row>
    <row r="34" spans="1:3" x14ac:dyDescent="0.3">
      <c r="A34" s="9"/>
      <c r="B34" s="13"/>
      <c r="C34" s="13"/>
    </row>
    <row r="35" spans="1:3" x14ac:dyDescent="0.3">
      <c r="A35" s="9"/>
      <c r="B35" s="13"/>
      <c r="C35" s="13"/>
    </row>
    <row r="36" spans="1:3" x14ac:dyDescent="0.3">
      <c r="A36" s="9"/>
      <c r="B36" s="13"/>
      <c r="C36" s="13"/>
    </row>
    <row r="37" spans="1:3" x14ac:dyDescent="0.3">
      <c r="A37" s="9"/>
      <c r="B37" s="13"/>
      <c r="C37" s="13"/>
    </row>
    <row r="38" spans="1:3" x14ac:dyDescent="0.3">
      <c r="A38" s="9"/>
      <c r="B38" s="13"/>
      <c r="C38" s="13"/>
    </row>
    <row r="39" spans="1:3" x14ac:dyDescent="0.3">
      <c r="A39" s="9"/>
      <c r="B39" s="13"/>
      <c r="C39" s="13"/>
    </row>
    <row r="40" spans="1:3" x14ac:dyDescent="0.3">
      <c r="A40" s="9"/>
      <c r="B40" s="13"/>
      <c r="C40" s="13"/>
    </row>
    <row r="41" spans="1:3" x14ac:dyDescent="0.3">
      <c r="A41" s="9"/>
      <c r="B41" s="13"/>
      <c r="C41" s="13"/>
    </row>
    <row r="42" spans="1:3" x14ac:dyDescent="0.3">
      <c r="A42" s="9"/>
      <c r="B42" s="13"/>
      <c r="C42" s="13"/>
    </row>
    <row r="43" spans="1:3" x14ac:dyDescent="0.3">
      <c r="A43" s="9"/>
      <c r="B43" s="13"/>
      <c r="C43" s="13"/>
    </row>
    <row r="44" spans="1:3" x14ac:dyDescent="0.3">
      <c r="A44" s="9"/>
      <c r="B44" s="13"/>
      <c r="C44" s="13"/>
    </row>
    <row r="45" spans="1:3" x14ac:dyDescent="0.3">
      <c r="A45" s="9"/>
      <c r="B45" s="13"/>
      <c r="C45" s="13"/>
    </row>
    <row r="46" spans="1:3" x14ac:dyDescent="0.3">
      <c r="A46" s="9"/>
      <c r="B46" s="13"/>
      <c r="C46" s="13"/>
    </row>
  </sheetData>
  <sortState ref="A1:D79">
    <sortCondition ref="A1"/>
  </sortState>
  <pageMargins left="0.7" right="0.7" top="0.75" bottom="0.75" header="0.3" footer="0.3"/>
  <pageSetup orientation="portrait" r:id="rId1"/>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2D9AFA0F53A8D4FA2E7FA71215AAB63" ma:contentTypeVersion="0" ma:contentTypeDescription="Create a new document." ma:contentTypeScope="" ma:versionID="d8ce92ca46515de2aca801ffe0e1df69">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33B71928-5C80-4C29-BB22-FF89958BDE7C}">
  <ds:schemaRefs>
    <ds:schemaRef ds:uri="http://schemas.microsoft.com/sharepoint/v3/contenttype/forms"/>
  </ds:schemaRefs>
</ds:datastoreItem>
</file>

<file path=customXml/itemProps2.xml><?xml version="1.0" encoding="utf-8"?>
<ds:datastoreItem xmlns:ds="http://schemas.openxmlformats.org/officeDocument/2006/customXml" ds:itemID="{B3C9DA16-8BB5-4DC9-8F78-C1C834D2B5C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74D21C59-EF63-4EA2-92E9-2999E3025B38}">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Laskentataulukot</vt:lpstr>
      </vt:variant>
      <vt:variant>
        <vt:i4>1</vt:i4>
      </vt:variant>
    </vt:vector>
  </HeadingPairs>
  <TitlesOfParts>
    <vt:vector size="1" baseType="lpstr">
      <vt:lpstr>Tabell 1</vt:lpstr>
    </vt:vector>
  </TitlesOfParts>
  <Company>Fime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ohjonen Jaana</dc:creator>
  <cp:lastModifiedBy>Hyttinen Sanna</cp:lastModifiedBy>
  <dcterms:created xsi:type="dcterms:W3CDTF">2020-12-14T12:17:37Z</dcterms:created>
  <dcterms:modified xsi:type="dcterms:W3CDTF">2021-05-25T07:40: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2D9AFA0F53A8D4FA2E7FA71215AAB63</vt:lpwstr>
  </property>
</Properties>
</file>